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7266\Desktop\"/>
    </mc:Choice>
  </mc:AlternateContent>
  <bookViews>
    <workbookView xWindow="0" yWindow="0" windowWidth="28800" windowHeight="12450"/>
  </bookViews>
  <sheets>
    <sheet name="広島県西部東 R5.7.1～R5.7.31許可" sheetId="1" r:id="rId1"/>
  </sheets>
  <externalReferences>
    <externalReference r:id="rId2"/>
  </externalReferences>
  <definedNames>
    <definedName name="都道府県">[1]住所コード!$A$1:$AU$1</definedName>
  </definedName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09" uniqueCount="291">
  <si>
    <t>*</t>
  </si>
  <si>
    <t/>
  </si>
  <si>
    <t>① 飲食店営業</t>
  </si>
  <si>
    <t>広島県</t>
  </si>
  <si>
    <t>東広島市</t>
  </si>
  <si>
    <t>⑪ 菓子製造業</t>
  </si>
  <si>
    <t>竹原市</t>
  </si>
  <si>
    <t>7390041</t>
  </si>
  <si>
    <t>西条町寺家</t>
  </si>
  <si>
    <t>③ 食肉販売業</t>
  </si>
  <si>
    <t>営業施設情報</t>
    <rPh sb="0" eb="2">
      <t>エイギョウ</t>
    </rPh>
    <rPh sb="2" eb="4">
      <t>シセツ</t>
    </rPh>
    <rPh sb="4" eb="6">
      <t>ジョウホウ</t>
    </rPh>
    <phoneticPr fontId="1"/>
  </si>
  <si>
    <t>営業者情報</t>
    <rPh sb="0" eb="3">
      <t>エイギョウシャ</t>
    </rPh>
    <rPh sb="3" eb="5">
      <t>ジョウホウ</t>
    </rPh>
    <phoneticPr fontId="1"/>
  </si>
  <si>
    <t>屋号（申請）</t>
    <rPh sb="0" eb="2">
      <t>ヤゴウ</t>
    </rPh>
    <rPh sb="3" eb="5">
      <t>シンセイ</t>
    </rPh>
    <phoneticPr fontId="1"/>
  </si>
  <si>
    <t>★都道府県</t>
    <rPh sb="1" eb="5">
      <t>トドウフケン</t>
    </rPh>
    <phoneticPr fontId="1"/>
  </si>
  <si>
    <t>★市区町村</t>
    <rPh sb="1" eb="3">
      <t>シク</t>
    </rPh>
    <rPh sb="3" eb="5">
      <t>チョウソン</t>
    </rPh>
    <phoneticPr fontId="1"/>
  </si>
  <si>
    <t>★町域</t>
    <rPh sb="1" eb="3">
      <t>チョウイキ</t>
    </rPh>
    <phoneticPr fontId="1"/>
  </si>
  <si>
    <t>★地番等</t>
    <rPh sb="1" eb="3">
      <t>チバン</t>
    </rPh>
    <rPh sb="3" eb="4">
      <t>トウ</t>
    </rPh>
    <phoneticPr fontId="1"/>
  </si>
  <si>
    <t>★マンション名等</t>
    <rPh sb="6" eb="7">
      <t>メイ</t>
    </rPh>
    <rPh sb="7" eb="8">
      <t>トウ</t>
    </rPh>
    <phoneticPr fontId="1"/>
  </si>
  <si>
    <t>電話番号</t>
    <rPh sb="0" eb="2">
      <t>デンワ</t>
    </rPh>
    <rPh sb="2" eb="4">
      <t>バンゴウ</t>
    </rPh>
    <phoneticPr fontId="1"/>
  </si>
  <si>
    <t>営業者名</t>
    <rPh sb="0" eb="3">
      <t>エイギョウシャ</t>
    </rPh>
    <rPh sb="3" eb="4">
      <t>メイ</t>
    </rPh>
    <phoneticPr fontId="1"/>
  </si>
  <si>
    <t>郵便番号</t>
    <rPh sb="0" eb="4">
      <t>ユウビンバンゴウ</t>
    </rPh>
    <phoneticPr fontId="1"/>
  </si>
  <si>
    <t>都道府県</t>
    <rPh sb="0" eb="4">
      <t>トドウフケン</t>
    </rPh>
    <phoneticPr fontId="1"/>
  </si>
  <si>
    <t>市区町村</t>
    <rPh sb="0" eb="2">
      <t>シク</t>
    </rPh>
    <rPh sb="2" eb="4">
      <t>チョウソン</t>
    </rPh>
    <phoneticPr fontId="1"/>
  </si>
  <si>
    <t>町域</t>
    <rPh sb="0" eb="2">
      <t>チョウイキ</t>
    </rPh>
    <phoneticPr fontId="1"/>
  </si>
  <si>
    <t>地番等</t>
    <rPh sb="0" eb="2">
      <t>チバン</t>
    </rPh>
    <rPh sb="2" eb="3">
      <t>トウ</t>
    </rPh>
    <phoneticPr fontId="1"/>
  </si>
  <si>
    <t>マンション名等</t>
    <rPh sb="5" eb="6">
      <t>メイ</t>
    </rPh>
    <rPh sb="6" eb="7">
      <t>トウ</t>
    </rPh>
    <phoneticPr fontId="1"/>
  </si>
  <si>
    <t>代表者肩書</t>
    <rPh sb="0" eb="3">
      <t>ダイヒョウシャ</t>
    </rPh>
    <rPh sb="3" eb="5">
      <t>カタガキ</t>
    </rPh>
    <phoneticPr fontId="1"/>
  </si>
  <si>
    <t>代表者姓</t>
    <rPh sb="0" eb="3">
      <t>ダイヒョウシャ</t>
    </rPh>
    <rPh sb="3" eb="4">
      <t>セイ</t>
    </rPh>
    <phoneticPr fontId="1"/>
  </si>
  <si>
    <t>代表者名</t>
    <rPh sb="0" eb="3">
      <t>ダイヒョウシャ</t>
    </rPh>
    <rPh sb="3" eb="4">
      <t>メイ</t>
    </rPh>
    <phoneticPr fontId="1"/>
  </si>
  <si>
    <t>業種</t>
    <rPh sb="0" eb="2">
      <t>ギョウシュ</t>
    </rPh>
    <phoneticPr fontId="1"/>
  </si>
  <si>
    <t>許可番号連番</t>
    <rPh sb="0" eb="2">
      <t>キョカ</t>
    </rPh>
    <rPh sb="2" eb="4">
      <t>バンゴウ</t>
    </rPh>
    <rPh sb="4" eb="6">
      <t>レンバン</t>
    </rPh>
    <phoneticPr fontId="1"/>
  </si>
  <si>
    <t>備考</t>
    <rPh sb="0" eb="2">
      <t>ビコウ</t>
    </rPh>
    <phoneticPr fontId="1"/>
  </si>
  <si>
    <t>許可年月日</t>
    <rPh sb="0" eb="2">
      <t>キョカ</t>
    </rPh>
    <rPh sb="2" eb="5">
      <t>ネンガッピ</t>
    </rPh>
    <phoneticPr fontId="1"/>
  </si>
  <si>
    <t>満了年月日</t>
    <rPh sb="0" eb="2">
      <t>マンリョウ</t>
    </rPh>
    <rPh sb="2" eb="5">
      <t>ネンガッピ</t>
    </rPh>
    <phoneticPr fontId="1"/>
  </si>
  <si>
    <t>当初許可年月日</t>
    <rPh sb="0" eb="2">
      <t>トウショ</t>
    </rPh>
    <rPh sb="2" eb="4">
      <t>キョカ</t>
    </rPh>
    <rPh sb="4" eb="7">
      <t>ネンガッピ</t>
    </rPh>
    <phoneticPr fontId="1"/>
  </si>
  <si>
    <t>東京都</t>
  </si>
  <si>
    <t>7390007</t>
  </si>
  <si>
    <t>代表取締役</t>
  </si>
  <si>
    <t>④ 魚介類販売業</t>
  </si>
  <si>
    <t>7390016</t>
  </si>
  <si>
    <t>西条岡町</t>
  </si>
  <si>
    <t>7250026</t>
  </si>
  <si>
    <t>４－２</t>
  </si>
  <si>
    <t>7390011</t>
  </si>
  <si>
    <t>西条本町</t>
  </si>
  <si>
    <t>１５－２</t>
  </si>
  <si>
    <t>西条土与丸</t>
  </si>
  <si>
    <t>福山市</t>
  </si>
  <si>
    <t>広島市中区</t>
  </si>
  <si>
    <t>理事長</t>
  </si>
  <si>
    <t>小田</t>
  </si>
  <si>
    <t>三宅</t>
  </si>
  <si>
    <t>賢治</t>
  </si>
  <si>
    <t>㉚ 密封包装食品製造業</t>
  </si>
  <si>
    <t>㉛ 食品の小分け業</t>
  </si>
  <si>
    <t>簡易な営業</t>
  </si>
  <si>
    <t>株式会社セイコー珈琲　黒瀬工場</t>
  </si>
  <si>
    <t>7392504</t>
  </si>
  <si>
    <t>0823-82-7373</t>
  </si>
  <si>
    <t>株式会社セイコー珈琲</t>
  </si>
  <si>
    <t>7370003</t>
  </si>
  <si>
    <t>呉市</t>
  </si>
  <si>
    <t>阿賀中央六丁目</t>
  </si>
  <si>
    <t>３－３</t>
  </si>
  <si>
    <t>0823-84-0356</t>
  </si>
  <si>
    <t>井口</t>
  </si>
  <si>
    <t>⑭ 清涼飲料水製造業</t>
  </si>
  <si>
    <t>ヤマトフーズ株式会社</t>
  </si>
  <si>
    <t>7392623</t>
  </si>
  <si>
    <t>黒瀬町川角</t>
  </si>
  <si>
    <t>２５６－１</t>
  </si>
  <si>
    <t>0823-81-0244</t>
  </si>
  <si>
    <t>広島市西区</t>
  </si>
  <si>
    <t>串山</t>
  </si>
  <si>
    <t>敬太</t>
  </si>
  <si>
    <t>⑯ 水産製品製造業</t>
  </si>
  <si>
    <t>６５２５</t>
  </si>
  <si>
    <t>㉙ 漬物製造業</t>
  </si>
  <si>
    <t>Ｃａｒｏｔｔｅ</t>
  </si>
  <si>
    <t>7392624</t>
  </si>
  <si>
    <t>黒瀬町菅田</t>
  </si>
  <si>
    <t>３７５－５－Ａ</t>
  </si>
  <si>
    <t>有限会社　ＴＡＷＡＲＡ</t>
  </si>
  <si>
    <t>３７５－１７</t>
  </si>
  <si>
    <t>俵</t>
  </si>
  <si>
    <t>弥寿成</t>
  </si>
  <si>
    <t>露菴　東広島店</t>
  </si>
  <si>
    <t>黒瀬町宗近柳国</t>
  </si>
  <si>
    <t>９９３ー２</t>
  </si>
  <si>
    <t>0823-83-2942</t>
  </si>
  <si>
    <t>おいしい約束　株式会社</t>
  </si>
  <si>
    <t>黒瀬町　宗近柳国</t>
  </si>
  <si>
    <t>７０１－１</t>
  </si>
  <si>
    <t>0823-82-2941</t>
  </si>
  <si>
    <t>岡部</t>
  </si>
  <si>
    <t>知之</t>
  </si>
  <si>
    <t>八剣伝　黒瀬店</t>
  </si>
  <si>
    <t>7392613</t>
  </si>
  <si>
    <t>黒瀬町楢原字上田中</t>
  </si>
  <si>
    <t>１６０－１</t>
  </si>
  <si>
    <t>0823-83-1180</t>
  </si>
  <si>
    <t>映クラ株式会社</t>
  </si>
  <si>
    <t>7210942</t>
  </si>
  <si>
    <t>引野町三丁目</t>
  </si>
  <si>
    <t>２３－３１</t>
  </si>
  <si>
    <t>084-946-5510</t>
  </si>
  <si>
    <t>山西</t>
  </si>
  <si>
    <t>健三</t>
  </si>
  <si>
    <t>お好み焼　洋</t>
  </si>
  <si>
    <t>7392503</t>
  </si>
  <si>
    <t>黒瀬町南方</t>
  </si>
  <si>
    <t>８５５－３</t>
  </si>
  <si>
    <t>0823-82-8600</t>
  </si>
  <si>
    <t>給食センター　ありんこ亭</t>
  </si>
  <si>
    <t>7392628</t>
  </si>
  <si>
    <t>黒瀬楢原東一丁目</t>
  </si>
  <si>
    <t>１１－５</t>
  </si>
  <si>
    <t>0823-83-0301</t>
  </si>
  <si>
    <t>社会福祉法人　倫</t>
  </si>
  <si>
    <t>7392612</t>
  </si>
  <si>
    <t>黒瀬町丸山</t>
  </si>
  <si>
    <t>１８－３５</t>
  </si>
  <si>
    <t>0823-83-1225</t>
  </si>
  <si>
    <t>やきとり　歩乃ぼの</t>
  </si>
  <si>
    <t>モリヤオレンジヒルズ１Ｆ</t>
  </si>
  <si>
    <t>082-423-4688</t>
  </si>
  <si>
    <t>末田　直也</t>
  </si>
  <si>
    <t>福満亭</t>
  </si>
  <si>
    <t>7390146</t>
  </si>
  <si>
    <t>八本松飯田一丁目</t>
  </si>
  <si>
    <t>５－２８</t>
  </si>
  <si>
    <t>張　卓</t>
  </si>
  <si>
    <t>カレーＹＡ</t>
  </si>
  <si>
    <t>７９－４</t>
  </si>
  <si>
    <t>0823-83-4033</t>
  </si>
  <si>
    <t>原　重隆</t>
  </si>
  <si>
    <t>ｓａｂａｉｊａｉ</t>
  </si>
  <si>
    <t>7392201</t>
  </si>
  <si>
    <t>河内町中河内</t>
  </si>
  <si>
    <t>７０７－３</t>
  </si>
  <si>
    <t>濵波大翔</t>
  </si>
  <si>
    <t>050002</t>
  </si>
  <si>
    <t>久家</t>
  </si>
  <si>
    <t>7392208</t>
  </si>
  <si>
    <t>河内町入野</t>
  </si>
  <si>
    <t>５７４０－１</t>
  </si>
  <si>
    <t>082-437-2231</t>
  </si>
  <si>
    <t>平野喜久恵</t>
  </si>
  <si>
    <t>050027</t>
  </si>
  <si>
    <t>広島チョコラトリー　ゆめモール西条店</t>
  </si>
  <si>
    <t>7390021</t>
  </si>
  <si>
    <t>西条町助実</t>
  </si>
  <si>
    <t>１２０８</t>
  </si>
  <si>
    <t>株式会社ユーアンドミィー</t>
  </si>
  <si>
    <t>7230015</t>
  </si>
  <si>
    <t>三原市</t>
  </si>
  <si>
    <t>円一町１丁目１番７号</t>
  </si>
  <si>
    <t>0848-20-7220</t>
  </si>
  <si>
    <t>花房松雄</t>
  </si>
  <si>
    <t>050127</t>
  </si>
  <si>
    <t>つるや</t>
  </si>
  <si>
    <t>7392301</t>
  </si>
  <si>
    <t>福富町上竹仁</t>
  </si>
  <si>
    <t>１１８０－１</t>
  </si>
  <si>
    <t>古城あすか</t>
  </si>
  <si>
    <t>050135</t>
  </si>
  <si>
    <t>光工業株式会社　第２食品工場</t>
  </si>
  <si>
    <t>7390265</t>
  </si>
  <si>
    <t>志和町冠</t>
  </si>
  <si>
    <t>１１６５－２</t>
  </si>
  <si>
    <t>082-433-5401</t>
  </si>
  <si>
    <t>光工業株式会社</t>
  </si>
  <si>
    <t>志和町冠１１６５番地の２</t>
  </si>
  <si>
    <t>0824335401</t>
  </si>
  <si>
    <t>吉田龍一</t>
  </si>
  <si>
    <t>050136</t>
  </si>
  <si>
    <t>東広島北部学校給食センター</t>
  </si>
  <si>
    <t>福富町久芳</t>
  </si>
  <si>
    <t>４３６１－１</t>
  </si>
  <si>
    <t>株式会社東洋食品</t>
  </si>
  <si>
    <t>台東区</t>
  </si>
  <si>
    <t>鰻之姫川</t>
  </si>
  <si>
    <t>黒瀬町楢原</t>
  </si>
  <si>
    <t>１６０－３</t>
  </si>
  <si>
    <t>株式会社　政成</t>
  </si>
  <si>
    <t>7300833</t>
  </si>
  <si>
    <t>江波本町</t>
  </si>
  <si>
    <t>５－２７－３０５</t>
  </si>
  <si>
    <t>政成喜一郎</t>
  </si>
  <si>
    <t>050138</t>
  </si>
  <si>
    <t>ＦＵＪＩＨＡＲＡＣＯＦＦＥＥ　ｂｉａｎｃｏｎｅｒｏ</t>
  </si>
  <si>
    <t>7392113</t>
  </si>
  <si>
    <t>高屋町高屋東</t>
  </si>
  <si>
    <t>４２８１－７０</t>
  </si>
  <si>
    <t>藤原将雄</t>
  </si>
  <si>
    <t>050140</t>
  </si>
  <si>
    <t>050139</t>
  </si>
  <si>
    <t>藤三　竹原ショッピングセンター</t>
  </si>
  <si>
    <t>中央４丁目</t>
  </si>
  <si>
    <t>７番２０号</t>
  </si>
  <si>
    <t>0846-22-5700</t>
  </si>
  <si>
    <t>株式会社　藤三</t>
  </si>
  <si>
    <t>7370125</t>
  </si>
  <si>
    <t>広本町</t>
  </si>
  <si>
    <t>３丁目１２番２６号</t>
  </si>
  <si>
    <t>0823-72-1000</t>
  </si>
  <si>
    <t>藤村重造</t>
  </si>
  <si>
    <t>050141</t>
  </si>
  <si>
    <t>050142</t>
  </si>
  <si>
    <t>ａｎｇｅ</t>
  </si>
  <si>
    <t>２－１２</t>
  </si>
  <si>
    <t>イーストコア２０７</t>
  </si>
  <si>
    <t>株式会社ＳＡＧＡＲＡ</t>
  </si>
  <si>
    <t>7390044</t>
  </si>
  <si>
    <t>西条町下見</t>
  </si>
  <si>
    <t>９６２－４</t>
  </si>
  <si>
    <t>082-430-7500</t>
  </si>
  <si>
    <t>相田義和</t>
  </si>
  <si>
    <t>050145</t>
  </si>
  <si>
    <t>ａｎｇｅ＋</t>
  </si>
  <si>
    <t>イーストコア３０１．３０２</t>
  </si>
  <si>
    <t>050146</t>
  </si>
  <si>
    <t>１－５－７</t>
  </si>
  <si>
    <t>ゆめタウン２Ｆ</t>
  </si>
  <si>
    <t>050147</t>
  </si>
  <si>
    <t>藤三　センター</t>
  </si>
  <si>
    <t>黒瀬町南方工原</t>
  </si>
  <si>
    <t>９２５</t>
  </si>
  <si>
    <t>0823-70-4190</t>
  </si>
  <si>
    <t>050148</t>
  </si>
  <si>
    <t>050149</t>
  </si>
  <si>
    <t>050150</t>
  </si>
  <si>
    <t>ＢＲＩＬＬＥＲ</t>
  </si>
  <si>
    <t>三谷ビル２Ｆー２</t>
  </si>
  <si>
    <t>３－３０　アヴァンティビル３Ｆ　</t>
  </si>
  <si>
    <t>082-424-1214</t>
  </si>
  <si>
    <t>中本舞</t>
  </si>
  <si>
    <t>050153</t>
  </si>
  <si>
    <t>キッチンカー　チューリン</t>
  </si>
  <si>
    <t>上竹みさき</t>
  </si>
  <si>
    <t>050155</t>
  </si>
  <si>
    <t>セブンーイレブン東広島造賀店</t>
  </si>
  <si>
    <t>7392101</t>
  </si>
  <si>
    <t>高屋町造賀</t>
  </si>
  <si>
    <t>２４９６－２</t>
  </si>
  <si>
    <t>082-436-0171</t>
  </si>
  <si>
    <t>有限会社　アップワン</t>
  </si>
  <si>
    <t>7296612</t>
  </si>
  <si>
    <t>三次市</t>
  </si>
  <si>
    <t>三和町下板木</t>
  </si>
  <si>
    <t>２４２－１</t>
  </si>
  <si>
    <t>0824-52-2575</t>
  </si>
  <si>
    <t>藤原修</t>
  </si>
  <si>
    <t>050156</t>
  </si>
  <si>
    <t>黒瀬町宗近柳国字下モ原</t>
  </si>
  <si>
    <t>１０１１８番地３</t>
  </si>
  <si>
    <t>050144</t>
  </si>
  <si>
    <t>7330006</t>
  </si>
  <si>
    <t>三篠北町</t>
  </si>
  <si>
    <t>１７－２１</t>
  </si>
  <si>
    <t>082-509-5011</t>
  </si>
  <si>
    <t>050123</t>
  </si>
  <si>
    <t>ファミーユ　漬物製造所</t>
  </si>
  <si>
    <t>082-422-2626</t>
  </si>
  <si>
    <t>株式会社ファミーユ</t>
  </si>
  <si>
    <t>俊男</t>
  </si>
  <si>
    <t>050120</t>
  </si>
  <si>
    <t>050161</t>
  </si>
  <si>
    <t>050157</t>
  </si>
  <si>
    <t>050151</t>
  </si>
  <si>
    <t>吉松　幸美</t>
  </si>
  <si>
    <t>050125</t>
  </si>
  <si>
    <t>和博</t>
  </si>
  <si>
    <t>050124</t>
  </si>
  <si>
    <t>050129</t>
  </si>
  <si>
    <t>050143</t>
  </si>
  <si>
    <t>7372606</t>
  </si>
  <si>
    <t>050152</t>
  </si>
  <si>
    <t>7392303</t>
  </si>
  <si>
    <t>082-401-4913</t>
  </si>
  <si>
    <t>1100015</t>
  </si>
  <si>
    <t>東上野</t>
  </si>
  <si>
    <t>一丁目１４番４号</t>
  </si>
  <si>
    <t>03-3836-1291</t>
  </si>
  <si>
    <t>荻久保</t>
  </si>
  <si>
    <t>英男</t>
  </si>
  <si>
    <t>050137</t>
  </si>
  <si>
    <t>ＡＮＩＬ　ＭＯＴＩ　ＭＡＨＡＬ　ＪＵＪＵ　ＦＯＯＤＳ　ＩＮＤＩＡＮ－ＮＥＰＡＬＩ　ＲＥＳＴＡＵＲＡＮＴ　ＢＡＲ</t>
  </si>
  <si>
    <t>ＳＡＰＫＯＴＡ　ＫＡＭＡＬ　ＰＲＡＳＡＤ</t>
  </si>
  <si>
    <t>株式会社Ｒａｉｓｏｎ　ｄ’ｅｔｒｅ</t>
  </si>
  <si>
    <t>移動販売車</t>
    <rPh sb="0" eb="2">
      <t>イドウ</t>
    </rPh>
    <rPh sb="2" eb="4">
      <t>ハンバイ</t>
    </rPh>
    <rPh sb="4" eb="5">
      <t>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"/>
  </numFmts>
  <fonts count="5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FFEB9C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2" fillId="3" borderId="0" applyNumberFormat="0" applyBorder="0" applyAlignment="0" applyProtection="0">
      <alignment vertical="center"/>
    </xf>
  </cellStyleXfs>
  <cellXfs count="23">
    <xf numFmtId="0" fontId="0" fillId="0" borderId="0" xfId="0">
      <alignment vertical="center"/>
    </xf>
    <xf numFmtId="14" fontId="0" fillId="0" borderId="0" xfId="0" applyNumberFormat="1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>
      <alignment vertical="center"/>
    </xf>
    <xf numFmtId="14" fontId="0" fillId="0" borderId="1" xfId="0" applyNumberFormat="1" applyBorder="1">
      <alignment vertical="center"/>
    </xf>
    <xf numFmtId="176" fontId="0" fillId="0" borderId="1" xfId="0" applyNumberFormat="1" applyBorder="1">
      <alignment vertical="center"/>
    </xf>
    <xf numFmtId="176" fontId="0" fillId="2" borderId="1" xfId="0" applyNumberFormat="1" applyFill="1" applyBorder="1" applyAlignment="1">
      <alignment horizontal="center" vertical="center" shrinkToFit="1"/>
    </xf>
    <xf numFmtId="49" fontId="0" fillId="2" borderId="1" xfId="0" applyNumberFormat="1" applyFill="1" applyBorder="1" applyAlignment="1">
      <alignment horizontal="center" vertical="center" shrinkToFit="1"/>
    </xf>
    <xf numFmtId="0" fontId="0" fillId="2" borderId="1" xfId="0" applyNumberFormat="1" applyFill="1" applyBorder="1" applyAlignment="1">
      <alignment horizontal="center" vertical="center" shrinkToFit="1"/>
    </xf>
    <xf numFmtId="176" fontId="3" fillId="2" borderId="1" xfId="0" applyNumberFormat="1" applyFont="1" applyFill="1" applyBorder="1" applyAlignment="1">
      <alignment horizontal="center" vertical="center" shrinkToFit="1"/>
    </xf>
    <xf numFmtId="176" fontId="4" fillId="2" borderId="1" xfId="0" applyNumberFormat="1" applyFont="1" applyFill="1" applyBorder="1" applyAlignment="1">
      <alignment horizontal="center" vertical="center" shrinkToFit="1"/>
    </xf>
    <xf numFmtId="14" fontId="0" fillId="2" borderId="1" xfId="0" applyNumberFormat="1" applyFill="1" applyBorder="1" applyAlignment="1">
      <alignment horizontal="center" vertical="center" shrinkToFit="1"/>
    </xf>
    <xf numFmtId="49" fontId="4" fillId="2" borderId="1" xfId="1" applyNumberFormat="1" applyFont="1" applyFill="1" applyBorder="1" applyAlignment="1">
      <alignment horizontal="center" vertical="center" shrinkToFit="1"/>
    </xf>
    <xf numFmtId="49" fontId="0" fillId="0" borderId="1" xfId="0" applyNumberFormat="1" applyBorder="1">
      <alignment vertical="center"/>
    </xf>
    <xf numFmtId="176" fontId="0" fillId="2" borderId="1" xfId="0" applyNumberFormat="1" applyFill="1" applyBorder="1" applyAlignment="1">
      <alignment horizontal="center" vertical="center" wrapText="1" shrinkToFit="1"/>
    </xf>
    <xf numFmtId="176" fontId="0" fillId="0" borderId="1" xfId="0" applyNumberFormat="1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1" xfId="0" applyBorder="1" applyAlignment="1">
      <alignment vertical="center" wrapText="1"/>
    </xf>
    <xf numFmtId="49" fontId="0" fillId="2" borderId="4" xfId="0" applyNumberFormat="1" applyFill="1" applyBorder="1" applyAlignment="1">
      <alignment horizontal="center" vertical="center" shrinkToFit="1"/>
    </xf>
    <xf numFmtId="49" fontId="0" fillId="2" borderId="5" xfId="0" applyNumberFormat="1" applyFill="1" applyBorder="1" applyAlignment="1">
      <alignment horizontal="center" vertical="center" shrinkToFit="1"/>
    </xf>
    <xf numFmtId="49" fontId="0" fillId="2" borderId="6" xfId="0" applyNumberFormat="1" applyFill="1" applyBorder="1" applyAlignment="1">
      <alignment horizontal="center" vertical="center" shrinkToFit="1"/>
    </xf>
    <xf numFmtId="49" fontId="0" fillId="2" borderId="2" xfId="0" applyNumberFormat="1" applyFill="1" applyBorder="1" applyAlignment="1">
      <alignment horizontal="center" vertical="center" shrinkToFit="1"/>
    </xf>
    <xf numFmtId="49" fontId="0" fillId="2" borderId="3" xfId="0" applyNumberFormat="1" applyFill="1" applyBorder="1" applyAlignment="1">
      <alignment horizontal="center" vertical="center" shrinkToFit="1"/>
    </xf>
  </cellXfs>
  <cellStyles count="2">
    <cellStyle name="どちらでもない" xfId="1" builtinId="28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65296;&#65299;&#65296;&#20581;&#24247;&#31119;&#31049;&#23616;\040&#35199;&#37096;&#26481;&#21402;&#29983;&#29872;&#22659;&#20107;&#21209;&#25152;\030&#29983;&#27963;&#34907;&#29983;&#35506;\&#39135;&#21697;&#34907;&#29983;\G2000&#39135;&#21697;&#34907;&#29983;&#20107;&#21209;\&#39135;&#21697;&#26989;&#21209;&#12471;&#12473;&#12486;&#12512;\&#12456;&#12463;&#12475;&#12523;&#21488;&#24115;_&#35199;&#37096;&#26481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■監視カード"/>
      <sheetName val="■施設情報"/>
      <sheetName val="食品コード"/>
      <sheetName val="■収去依頼"/>
      <sheetName val="■申請書"/>
      <sheetName val="■許可証"/>
      <sheetName val="■許可証明書"/>
      <sheetName val="■業種別申請状況"/>
      <sheetName val="■更新施設一覧"/>
      <sheetName val="■申請整理簿"/>
      <sheetName val="■申請一覧"/>
      <sheetName val="履歴情報"/>
      <sheetName val="▲貼付データ"/>
      <sheetName val="④出力データ"/>
      <sheetName val="値コピー"/>
      <sheetName val="③エクセル台帳"/>
      <sheetName val="操作パネル"/>
      <sheetName val="②編集"/>
      <sheetName val="①国データ"/>
      <sheetName val="コード"/>
      <sheetName val="住所コード"/>
      <sheetName val="変換テーブル"/>
      <sheetName val="操作パネル(移行)"/>
      <sheetName val="簡易設定"/>
      <sheetName val="設定"/>
      <sheetName val="帳票設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>
        <row r="1">
          <cell r="A1" t="str">
            <v>北海道</v>
          </cell>
          <cell r="B1" t="str">
            <v>青森県</v>
          </cell>
          <cell r="C1" t="str">
            <v>岩手県</v>
          </cell>
          <cell r="D1" t="str">
            <v>宮城県</v>
          </cell>
          <cell r="E1" t="str">
            <v>秋田県</v>
          </cell>
          <cell r="F1" t="str">
            <v>山形県</v>
          </cell>
          <cell r="G1" t="str">
            <v>福島県</v>
          </cell>
          <cell r="H1" t="str">
            <v>茨城県</v>
          </cell>
          <cell r="I1" t="str">
            <v>栃木県</v>
          </cell>
          <cell r="J1" t="str">
            <v>群馬県</v>
          </cell>
          <cell r="K1" t="str">
            <v>埼玉県</v>
          </cell>
          <cell r="L1" t="str">
            <v>千葉県</v>
          </cell>
          <cell r="M1" t="str">
            <v>東京都</v>
          </cell>
          <cell r="N1" t="str">
            <v>神奈川県</v>
          </cell>
          <cell r="O1" t="str">
            <v>新潟県</v>
          </cell>
          <cell r="P1" t="str">
            <v>富山県</v>
          </cell>
          <cell r="Q1" t="str">
            <v>石川県</v>
          </cell>
          <cell r="R1" t="str">
            <v>福井県</v>
          </cell>
          <cell r="S1" t="str">
            <v>山梨県</v>
          </cell>
          <cell r="T1" t="str">
            <v>長野県</v>
          </cell>
          <cell r="U1" t="str">
            <v>岐阜県</v>
          </cell>
          <cell r="V1" t="str">
            <v>静岡県</v>
          </cell>
          <cell r="W1" t="str">
            <v>愛知県</v>
          </cell>
          <cell r="X1" t="str">
            <v>三重県</v>
          </cell>
          <cell r="Y1" t="str">
            <v>滋賀県</v>
          </cell>
          <cell r="Z1" t="str">
            <v>京都府</v>
          </cell>
          <cell r="AA1" t="str">
            <v>大阪府</v>
          </cell>
          <cell r="AB1" t="str">
            <v>兵庫県</v>
          </cell>
          <cell r="AC1" t="str">
            <v>奈良県</v>
          </cell>
          <cell r="AD1" t="str">
            <v>和歌山県</v>
          </cell>
          <cell r="AE1" t="str">
            <v>鳥取県</v>
          </cell>
          <cell r="AF1" t="str">
            <v>島根県</v>
          </cell>
          <cell r="AG1" t="str">
            <v>岡山県</v>
          </cell>
          <cell r="AH1" t="str">
            <v>広島県</v>
          </cell>
          <cell r="AI1" t="str">
            <v>山口県</v>
          </cell>
          <cell r="AJ1" t="str">
            <v>徳島県</v>
          </cell>
          <cell r="AK1" t="str">
            <v>香川県</v>
          </cell>
          <cell r="AL1" t="str">
            <v>愛媛県</v>
          </cell>
          <cell r="AM1" t="str">
            <v>高知県</v>
          </cell>
          <cell r="AN1" t="str">
            <v>福岡県</v>
          </cell>
          <cell r="AO1" t="str">
            <v>佐賀県</v>
          </cell>
          <cell r="AP1" t="str">
            <v>長崎県</v>
          </cell>
          <cell r="AQ1" t="str">
            <v>熊本県</v>
          </cell>
          <cell r="AR1" t="str">
            <v>大分県</v>
          </cell>
          <cell r="AS1" t="str">
            <v>宮崎県</v>
          </cell>
          <cell r="AT1" t="str">
            <v>鹿児島県</v>
          </cell>
          <cell r="AU1" t="str">
            <v>沖縄県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33"/>
  <sheetViews>
    <sheetView tabSelected="1" view="pageLayout" zoomScaleNormal="100" workbookViewId="0">
      <selection activeCell="V33" sqref="V33"/>
    </sheetView>
  </sheetViews>
  <sheetFormatPr defaultRowHeight="13.5"/>
  <cols>
    <col min="1" max="1" width="34.875" style="16" bestFit="1" customWidth="1"/>
    <col min="2" max="2" width="9.5" bestFit="1" customWidth="1"/>
    <col min="3" max="3" width="11.625" bestFit="1" customWidth="1"/>
    <col min="4" max="5" width="18.375" bestFit="1" customWidth="1"/>
    <col min="6" max="6" width="11" bestFit="1" customWidth="1"/>
    <col min="7" max="7" width="16.5" bestFit="1" customWidth="1"/>
    <col min="8" max="8" width="13.875" bestFit="1" customWidth="1"/>
    <col min="9" max="9" width="34.125" bestFit="1" customWidth="1"/>
    <col min="10" max="11" width="9.5" bestFit="1" customWidth="1"/>
    <col min="12" max="13" width="13.875" bestFit="1" customWidth="1"/>
    <col min="14" max="14" width="17.5" bestFit="1" customWidth="1"/>
    <col min="15" max="15" width="14.25" bestFit="1" customWidth="1"/>
    <col min="16" max="16" width="13.875" bestFit="1" customWidth="1"/>
    <col min="17" max="17" width="11.625" bestFit="1" customWidth="1"/>
    <col min="18" max="19" width="9.5" bestFit="1" customWidth="1"/>
    <col min="20" max="20" width="31.5" bestFit="1" customWidth="1"/>
    <col min="21" max="21" width="10" bestFit="1" customWidth="1"/>
    <col min="22" max="22" width="11.625" bestFit="1" customWidth="1"/>
    <col min="23" max="24" width="11.625" style="1" bestFit="1" customWidth="1"/>
    <col min="25" max="25" width="11.5" style="1" bestFit="1" customWidth="1"/>
  </cols>
  <sheetData>
    <row r="1" spans="1:25" s="2" customFormat="1">
      <c r="A1" s="18" t="s">
        <v>10</v>
      </c>
      <c r="B1" s="19"/>
      <c r="C1" s="19"/>
      <c r="D1" s="19"/>
      <c r="E1" s="19"/>
      <c r="F1" s="19"/>
      <c r="G1" s="19"/>
      <c r="H1" s="20"/>
      <c r="I1" s="18" t="s">
        <v>11</v>
      </c>
      <c r="J1" s="19"/>
      <c r="K1" s="19"/>
      <c r="L1" s="19"/>
      <c r="M1" s="19"/>
      <c r="N1" s="19"/>
      <c r="O1" s="19"/>
      <c r="P1" s="19"/>
      <c r="Q1" s="19"/>
      <c r="R1" s="19"/>
      <c r="S1" s="19"/>
      <c r="T1" s="21"/>
      <c r="U1" s="21"/>
      <c r="V1" s="21"/>
      <c r="W1" s="21"/>
      <c r="X1" s="21"/>
      <c r="Y1" s="22"/>
    </row>
    <row r="2" spans="1:25" s="2" customFormat="1" ht="30.75" customHeight="1">
      <c r="A2" s="14" t="s">
        <v>12</v>
      </c>
      <c r="B2" s="7" t="s">
        <v>20</v>
      </c>
      <c r="C2" s="7" t="s">
        <v>13</v>
      </c>
      <c r="D2" s="7" t="s">
        <v>14</v>
      </c>
      <c r="E2" s="7" t="s">
        <v>15</v>
      </c>
      <c r="F2" s="8" t="s">
        <v>16</v>
      </c>
      <c r="G2" s="6" t="s">
        <v>17</v>
      </c>
      <c r="H2" s="12" t="s">
        <v>18</v>
      </c>
      <c r="I2" s="7" t="s">
        <v>19</v>
      </c>
      <c r="J2" s="9" t="s">
        <v>20</v>
      </c>
      <c r="K2" s="6" t="s">
        <v>21</v>
      </c>
      <c r="L2" s="6" t="s">
        <v>22</v>
      </c>
      <c r="M2" s="6" t="s">
        <v>23</v>
      </c>
      <c r="N2" s="6" t="s">
        <v>24</v>
      </c>
      <c r="O2" s="6" t="s">
        <v>25</v>
      </c>
      <c r="P2" s="7" t="s">
        <v>18</v>
      </c>
      <c r="Q2" s="6" t="s">
        <v>26</v>
      </c>
      <c r="R2" s="6" t="s">
        <v>27</v>
      </c>
      <c r="S2" s="6" t="s">
        <v>28</v>
      </c>
      <c r="T2" s="6" t="s">
        <v>29</v>
      </c>
      <c r="U2" s="10" t="s">
        <v>30</v>
      </c>
      <c r="V2" s="6" t="s">
        <v>31</v>
      </c>
      <c r="W2" s="11" t="s">
        <v>32</v>
      </c>
      <c r="X2" s="11" t="s">
        <v>33</v>
      </c>
      <c r="Y2" s="11" t="s">
        <v>34</v>
      </c>
    </row>
    <row r="3" spans="1:25" ht="35.25" customHeight="1">
      <c r="A3" s="15" t="s">
        <v>56</v>
      </c>
      <c r="B3" s="3" t="s">
        <v>57</v>
      </c>
      <c r="C3" s="3" t="s">
        <v>3</v>
      </c>
      <c r="D3" s="17" t="s">
        <v>4</v>
      </c>
      <c r="E3" s="17" t="s">
        <v>254</v>
      </c>
      <c r="F3" s="17" t="s">
        <v>255</v>
      </c>
      <c r="G3" s="15" t="s">
        <v>1</v>
      </c>
      <c r="H3" s="3" t="s">
        <v>58</v>
      </c>
      <c r="I3" s="17" t="s">
        <v>59</v>
      </c>
      <c r="J3" s="13" t="s">
        <v>60</v>
      </c>
      <c r="K3" s="5" t="s">
        <v>3</v>
      </c>
      <c r="L3" s="15" t="s">
        <v>61</v>
      </c>
      <c r="M3" s="15" t="s">
        <v>62</v>
      </c>
      <c r="N3" s="15" t="s">
        <v>63</v>
      </c>
      <c r="O3" s="5" t="s">
        <v>1</v>
      </c>
      <c r="P3" s="3" t="s">
        <v>64</v>
      </c>
      <c r="Q3" s="15" t="s">
        <v>37</v>
      </c>
      <c r="R3" s="5" t="s">
        <v>65</v>
      </c>
      <c r="S3" s="5" t="s">
        <v>52</v>
      </c>
      <c r="T3" s="5" t="s">
        <v>66</v>
      </c>
      <c r="U3" s="5" t="s">
        <v>256</v>
      </c>
      <c r="V3" s="15" t="s">
        <v>1</v>
      </c>
      <c r="W3" s="4">
        <v>45134</v>
      </c>
      <c r="X3" s="4">
        <v>47330</v>
      </c>
      <c r="Y3" s="4">
        <v>45134</v>
      </c>
    </row>
    <row r="4" spans="1:25" ht="35.25" customHeight="1">
      <c r="A4" s="15" t="s">
        <v>67</v>
      </c>
      <c r="B4" s="3" t="s">
        <v>68</v>
      </c>
      <c r="C4" s="3" t="s">
        <v>3</v>
      </c>
      <c r="D4" s="17" t="s">
        <v>4</v>
      </c>
      <c r="E4" s="17" t="s">
        <v>69</v>
      </c>
      <c r="F4" s="17" t="s">
        <v>70</v>
      </c>
      <c r="G4" s="15" t="s">
        <v>1</v>
      </c>
      <c r="H4" s="3" t="s">
        <v>71</v>
      </c>
      <c r="I4" s="17" t="s">
        <v>67</v>
      </c>
      <c r="J4" s="13" t="s">
        <v>257</v>
      </c>
      <c r="K4" s="5" t="s">
        <v>3</v>
      </c>
      <c r="L4" s="15" t="s">
        <v>72</v>
      </c>
      <c r="M4" s="15" t="s">
        <v>258</v>
      </c>
      <c r="N4" s="15" t="s">
        <v>259</v>
      </c>
      <c r="O4" s="5" t="s">
        <v>1</v>
      </c>
      <c r="P4" s="3" t="s">
        <v>260</v>
      </c>
      <c r="Q4" s="15" t="s">
        <v>37</v>
      </c>
      <c r="R4" s="5" t="s">
        <v>73</v>
      </c>
      <c r="S4" s="5" t="s">
        <v>74</v>
      </c>
      <c r="T4" s="5" t="s">
        <v>75</v>
      </c>
      <c r="U4" s="5" t="s">
        <v>261</v>
      </c>
      <c r="V4" s="15" t="s">
        <v>1</v>
      </c>
      <c r="W4" s="4">
        <v>45125</v>
      </c>
      <c r="X4" s="4">
        <v>47330</v>
      </c>
      <c r="Y4" s="4">
        <v>45125</v>
      </c>
    </row>
    <row r="5" spans="1:25" ht="35.25" customHeight="1">
      <c r="A5" s="15" t="s">
        <v>262</v>
      </c>
      <c r="B5" s="3" t="s">
        <v>7</v>
      </c>
      <c r="C5" s="3" t="s">
        <v>3</v>
      </c>
      <c r="D5" s="17" t="s">
        <v>4</v>
      </c>
      <c r="E5" s="17" t="s">
        <v>8</v>
      </c>
      <c r="F5" s="17" t="s">
        <v>76</v>
      </c>
      <c r="G5" s="15" t="s">
        <v>1</v>
      </c>
      <c r="H5" s="3" t="s">
        <v>263</v>
      </c>
      <c r="I5" s="17" t="s">
        <v>264</v>
      </c>
      <c r="J5" s="13" t="s">
        <v>7</v>
      </c>
      <c r="K5" s="5" t="s">
        <v>3</v>
      </c>
      <c r="L5" s="15" t="s">
        <v>4</v>
      </c>
      <c r="M5" s="15" t="s">
        <v>8</v>
      </c>
      <c r="N5" s="15" t="s">
        <v>76</v>
      </c>
      <c r="O5" s="5" t="s">
        <v>1</v>
      </c>
      <c r="P5" s="3" t="s">
        <v>263</v>
      </c>
      <c r="Q5" s="15" t="s">
        <v>1</v>
      </c>
      <c r="R5" s="5" t="s">
        <v>51</v>
      </c>
      <c r="S5" s="5" t="s">
        <v>265</v>
      </c>
      <c r="T5" s="5" t="s">
        <v>77</v>
      </c>
      <c r="U5" s="5" t="s">
        <v>266</v>
      </c>
      <c r="V5" s="15" t="s">
        <v>1</v>
      </c>
      <c r="W5" s="4">
        <v>45112</v>
      </c>
      <c r="X5" s="4">
        <v>47118</v>
      </c>
      <c r="Y5" s="4">
        <v>45112</v>
      </c>
    </row>
    <row r="6" spans="1:25" ht="35.25" customHeight="1">
      <c r="A6" s="15" t="s">
        <v>78</v>
      </c>
      <c r="B6" s="3" t="s">
        <v>79</v>
      </c>
      <c r="C6" s="3" t="s">
        <v>3</v>
      </c>
      <c r="D6" s="17" t="s">
        <v>4</v>
      </c>
      <c r="E6" s="17" t="s">
        <v>80</v>
      </c>
      <c r="F6" s="17" t="s">
        <v>81</v>
      </c>
      <c r="G6" s="15" t="s">
        <v>1</v>
      </c>
      <c r="H6" s="3" t="s">
        <v>1</v>
      </c>
      <c r="I6" s="17" t="s">
        <v>82</v>
      </c>
      <c r="J6" s="13" t="s">
        <v>79</v>
      </c>
      <c r="K6" s="5" t="s">
        <v>3</v>
      </c>
      <c r="L6" s="15" t="s">
        <v>4</v>
      </c>
      <c r="M6" s="15" t="s">
        <v>80</v>
      </c>
      <c r="N6" s="15" t="s">
        <v>83</v>
      </c>
      <c r="O6" s="5" t="s">
        <v>1</v>
      </c>
      <c r="P6" s="3" t="s">
        <v>1</v>
      </c>
      <c r="Q6" s="15" t="s">
        <v>37</v>
      </c>
      <c r="R6" s="5" t="s">
        <v>84</v>
      </c>
      <c r="S6" s="5" t="s">
        <v>85</v>
      </c>
      <c r="T6" s="5" t="s">
        <v>5</v>
      </c>
      <c r="U6" s="5" t="s">
        <v>267</v>
      </c>
      <c r="V6" s="15" t="s">
        <v>1</v>
      </c>
      <c r="W6" s="4">
        <v>45135</v>
      </c>
      <c r="X6" s="4">
        <v>47330</v>
      </c>
      <c r="Y6" s="4">
        <v>45135</v>
      </c>
    </row>
    <row r="7" spans="1:25" ht="35.25" customHeight="1">
      <c r="A7" s="15" t="s">
        <v>86</v>
      </c>
      <c r="B7" s="3" t="s">
        <v>57</v>
      </c>
      <c r="C7" s="3" t="s">
        <v>3</v>
      </c>
      <c r="D7" s="17" t="s">
        <v>4</v>
      </c>
      <c r="E7" s="17" t="s">
        <v>87</v>
      </c>
      <c r="F7" s="17" t="s">
        <v>88</v>
      </c>
      <c r="G7" s="15" t="s">
        <v>1</v>
      </c>
      <c r="H7" s="3" t="s">
        <v>89</v>
      </c>
      <c r="I7" s="17" t="s">
        <v>90</v>
      </c>
      <c r="J7" s="13" t="s">
        <v>57</v>
      </c>
      <c r="K7" s="5" t="s">
        <v>3</v>
      </c>
      <c r="L7" s="15" t="s">
        <v>4</v>
      </c>
      <c r="M7" s="15" t="s">
        <v>91</v>
      </c>
      <c r="N7" s="15" t="s">
        <v>92</v>
      </c>
      <c r="O7" s="5" t="s">
        <v>1</v>
      </c>
      <c r="P7" s="3" t="s">
        <v>93</v>
      </c>
      <c r="Q7" s="15" t="s">
        <v>37</v>
      </c>
      <c r="R7" s="5" t="s">
        <v>94</v>
      </c>
      <c r="S7" s="5" t="s">
        <v>95</v>
      </c>
      <c r="T7" s="5" t="s">
        <v>2</v>
      </c>
      <c r="U7" s="5" t="s">
        <v>268</v>
      </c>
      <c r="V7" s="15" t="s">
        <v>1</v>
      </c>
      <c r="W7" s="4">
        <v>45134</v>
      </c>
      <c r="X7" s="4">
        <v>47330</v>
      </c>
      <c r="Y7" s="4">
        <v>45134</v>
      </c>
    </row>
    <row r="8" spans="1:25" ht="35.25" customHeight="1">
      <c r="A8" s="15" t="s">
        <v>96</v>
      </c>
      <c r="B8" s="3" t="s">
        <v>97</v>
      </c>
      <c r="C8" s="3" t="s">
        <v>3</v>
      </c>
      <c r="D8" s="17" t="s">
        <v>4</v>
      </c>
      <c r="E8" s="17" t="s">
        <v>98</v>
      </c>
      <c r="F8" s="17" t="s">
        <v>99</v>
      </c>
      <c r="G8" s="15" t="s">
        <v>1</v>
      </c>
      <c r="H8" s="3" t="s">
        <v>100</v>
      </c>
      <c r="I8" s="17" t="s">
        <v>101</v>
      </c>
      <c r="J8" s="13" t="s">
        <v>102</v>
      </c>
      <c r="K8" s="5" t="s">
        <v>3</v>
      </c>
      <c r="L8" s="15" t="s">
        <v>47</v>
      </c>
      <c r="M8" s="15" t="s">
        <v>103</v>
      </c>
      <c r="N8" s="15" t="s">
        <v>104</v>
      </c>
      <c r="O8" s="5" t="s">
        <v>1</v>
      </c>
      <c r="P8" s="3" t="s">
        <v>105</v>
      </c>
      <c r="Q8" s="15" t="s">
        <v>37</v>
      </c>
      <c r="R8" s="5" t="s">
        <v>106</v>
      </c>
      <c r="S8" s="5" t="s">
        <v>107</v>
      </c>
      <c r="T8" s="5" t="s">
        <v>2</v>
      </c>
      <c r="U8" s="5" t="s">
        <v>269</v>
      </c>
      <c r="V8" s="15" t="s">
        <v>1</v>
      </c>
      <c r="W8" s="4">
        <v>45127</v>
      </c>
      <c r="X8" s="4">
        <v>47330</v>
      </c>
      <c r="Y8" s="4">
        <v>45127</v>
      </c>
    </row>
    <row r="9" spans="1:25" ht="35.25" customHeight="1">
      <c r="A9" s="15" t="s">
        <v>108</v>
      </c>
      <c r="B9" s="3" t="s">
        <v>109</v>
      </c>
      <c r="C9" s="3" t="s">
        <v>3</v>
      </c>
      <c r="D9" s="17" t="s">
        <v>4</v>
      </c>
      <c r="E9" s="17" t="s">
        <v>110</v>
      </c>
      <c r="F9" s="17" t="s">
        <v>111</v>
      </c>
      <c r="G9" s="15" t="s">
        <v>1</v>
      </c>
      <c r="H9" s="3" t="s">
        <v>112</v>
      </c>
      <c r="I9" s="17" t="s">
        <v>270</v>
      </c>
      <c r="J9" s="13" t="s">
        <v>0</v>
      </c>
      <c r="K9" s="5" t="s">
        <v>0</v>
      </c>
      <c r="L9" s="15" t="s">
        <v>0</v>
      </c>
      <c r="M9" s="15" t="s">
        <v>0</v>
      </c>
      <c r="N9" s="15" t="s">
        <v>0</v>
      </c>
      <c r="O9" s="5" t="s">
        <v>1</v>
      </c>
      <c r="P9" s="3" t="s">
        <v>0</v>
      </c>
      <c r="Q9" s="15" t="s">
        <v>1</v>
      </c>
      <c r="R9" s="5" t="s">
        <v>1</v>
      </c>
      <c r="S9" s="5" t="s">
        <v>1</v>
      </c>
      <c r="T9" s="5" t="s">
        <v>2</v>
      </c>
      <c r="U9" s="5" t="s">
        <v>271</v>
      </c>
      <c r="V9" s="15" t="s">
        <v>1</v>
      </c>
      <c r="W9" s="4">
        <v>45119</v>
      </c>
      <c r="X9" s="4">
        <v>47330</v>
      </c>
      <c r="Y9" s="4">
        <v>45119</v>
      </c>
    </row>
    <row r="10" spans="1:25" ht="35.25" customHeight="1">
      <c r="A10" s="15" t="s">
        <v>113</v>
      </c>
      <c r="B10" s="3" t="s">
        <v>114</v>
      </c>
      <c r="C10" s="3" t="s">
        <v>3</v>
      </c>
      <c r="D10" s="17" t="s">
        <v>4</v>
      </c>
      <c r="E10" s="17" t="s">
        <v>115</v>
      </c>
      <c r="F10" s="17" t="s">
        <v>116</v>
      </c>
      <c r="G10" s="15" t="s">
        <v>1</v>
      </c>
      <c r="H10" s="3" t="s">
        <v>117</v>
      </c>
      <c r="I10" s="17" t="s">
        <v>118</v>
      </c>
      <c r="J10" s="13" t="s">
        <v>119</v>
      </c>
      <c r="K10" s="5" t="s">
        <v>3</v>
      </c>
      <c r="L10" s="15" t="s">
        <v>4</v>
      </c>
      <c r="M10" s="15" t="s">
        <v>120</v>
      </c>
      <c r="N10" s="15" t="s">
        <v>121</v>
      </c>
      <c r="O10" s="5" t="s">
        <v>1</v>
      </c>
      <c r="P10" s="3" t="s">
        <v>122</v>
      </c>
      <c r="Q10" s="15" t="s">
        <v>49</v>
      </c>
      <c r="R10" s="5" t="s">
        <v>50</v>
      </c>
      <c r="S10" s="5" t="s">
        <v>272</v>
      </c>
      <c r="T10" s="5" t="s">
        <v>2</v>
      </c>
      <c r="U10" s="5" t="s">
        <v>273</v>
      </c>
      <c r="V10" s="15" t="s">
        <v>1</v>
      </c>
      <c r="W10" s="4">
        <v>45119</v>
      </c>
      <c r="X10" s="4">
        <v>47330</v>
      </c>
      <c r="Y10" s="4">
        <v>45119</v>
      </c>
    </row>
    <row r="11" spans="1:25" ht="35.25" customHeight="1">
      <c r="A11" s="15" t="s">
        <v>123</v>
      </c>
      <c r="B11" s="3" t="s">
        <v>43</v>
      </c>
      <c r="C11" s="3" t="s">
        <v>3</v>
      </c>
      <c r="D11" s="17" t="s">
        <v>4</v>
      </c>
      <c r="E11" s="17" t="s">
        <v>44</v>
      </c>
      <c r="F11" s="17" t="s">
        <v>45</v>
      </c>
      <c r="G11" s="15" t="s">
        <v>124</v>
      </c>
      <c r="H11" s="3" t="s">
        <v>125</v>
      </c>
      <c r="I11" s="17" t="s">
        <v>126</v>
      </c>
      <c r="J11" s="13" t="s">
        <v>0</v>
      </c>
      <c r="K11" s="5" t="s">
        <v>0</v>
      </c>
      <c r="L11" s="15" t="s">
        <v>0</v>
      </c>
      <c r="M11" s="15" t="s">
        <v>0</v>
      </c>
      <c r="N11" s="15" t="s">
        <v>0</v>
      </c>
      <c r="O11" s="5" t="s">
        <v>1</v>
      </c>
      <c r="P11" s="3" t="s">
        <v>0</v>
      </c>
      <c r="Q11" s="15" t="s">
        <v>1</v>
      </c>
      <c r="R11" s="5" t="s">
        <v>1</v>
      </c>
      <c r="S11" s="5" t="s">
        <v>1</v>
      </c>
      <c r="T11" s="5" t="s">
        <v>2</v>
      </c>
      <c r="U11" s="5" t="s">
        <v>274</v>
      </c>
      <c r="V11" s="15" t="s">
        <v>1</v>
      </c>
      <c r="W11" s="4">
        <v>45119</v>
      </c>
      <c r="X11" s="4">
        <v>47118</v>
      </c>
      <c r="Y11" s="4">
        <v>45119</v>
      </c>
    </row>
    <row r="12" spans="1:25" ht="35.25" customHeight="1">
      <c r="A12" s="15" t="s">
        <v>127</v>
      </c>
      <c r="B12" s="3" t="s">
        <v>128</v>
      </c>
      <c r="C12" s="3" t="s">
        <v>3</v>
      </c>
      <c r="D12" s="17" t="s">
        <v>4</v>
      </c>
      <c r="E12" s="17" t="s">
        <v>129</v>
      </c>
      <c r="F12" s="17" t="s">
        <v>130</v>
      </c>
      <c r="G12" s="15" t="s">
        <v>1</v>
      </c>
      <c r="H12" s="3" t="s">
        <v>1</v>
      </c>
      <c r="I12" s="17" t="s">
        <v>131</v>
      </c>
      <c r="J12" s="13" t="s">
        <v>0</v>
      </c>
      <c r="K12" s="5" t="s">
        <v>0</v>
      </c>
      <c r="L12" s="15" t="s">
        <v>0</v>
      </c>
      <c r="M12" s="15" t="s">
        <v>0</v>
      </c>
      <c r="N12" s="15" t="s">
        <v>0</v>
      </c>
      <c r="O12" s="5" t="s">
        <v>1</v>
      </c>
      <c r="P12" s="3" t="s">
        <v>0</v>
      </c>
      <c r="Q12" s="15" t="s">
        <v>1</v>
      </c>
      <c r="R12" s="5" t="s">
        <v>1</v>
      </c>
      <c r="S12" s="5" t="s">
        <v>1</v>
      </c>
      <c r="T12" s="5" t="s">
        <v>2</v>
      </c>
      <c r="U12" s="5" t="s">
        <v>275</v>
      </c>
      <c r="V12" s="15" t="s">
        <v>1</v>
      </c>
      <c r="W12" s="4">
        <v>45127</v>
      </c>
      <c r="X12" s="4">
        <v>47361</v>
      </c>
      <c r="Y12" s="4">
        <v>45127</v>
      </c>
    </row>
    <row r="13" spans="1:25" ht="35.25" customHeight="1">
      <c r="A13" s="15" t="s">
        <v>132</v>
      </c>
      <c r="B13" s="3" t="s">
        <v>276</v>
      </c>
      <c r="C13" s="3" t="s">
        <v>3</v>
      </c>
      <c r="D13" s="17" t="s">
        <v>4</v>
      </c>
      <c r="E13" s="17" t="s">
        <v>120</v>
      </c>
      <c r="F13" s="17" t="s">
        <v>133</v>
      </c>
      <c r="G13" s="15" t="s">
        <v>1</v>
      </c>
      <c r="H13" s="3" t="s">
        <v>134</v>
      </c>
      <c r="I13" s="17" t="s">
        <v>135</v>
      </c>
      <c r="J13" s="13" t="s">
        <v>0</v>
      </c>
      <c r="K13" s="5" t="s">
        <v>0</v>
      </c>
      <c r="L13" s="15" t="s">
        <v>0</v>
      </c>
      <c r="M13" s="15" t="s">
        <v>0</v>
      </c>
      <c r="N13" s="15" t="s">
        <v>0</v>
      </c>
      <c r="O13" s="5" t="s">
        <v>1</v>
      </c>
      <c r="P13" s="3" t="s">
        <v>0</v>
      </c>
      <c r="Q13" s="15" t="s">
        <v>1</v>
      </c>
      <c r="R13" s="5" t="s">
        <v>1</v>
      </c>
      <c r="S13" s="5" t="s">
        <v>1</v>
      </c>
      <c r="T13" s="5" t="s">
        <v>2</v>
      </c>
      <c r="U13" s="5" t="s">
        <v>277</v>
      </c>
      <c r="V13" s="15" t="s">
        <v>1</v>
      </c>
      <c r="W13" s="4">
        <v>45132</v>
      </c>
      <c r="X13" s="4">
        <v>47330</v>
      </c>
      <c r="Y13" s="4">
        <v>45132</v>
      </c>
    </row>
    <row r="14" spans="1:25" ht="35.25" customHeight="1">
      <c r="A14" s="15" t="s">
        <v>136</v>
      </c>
      <c r="B14" s="3" t="s">
        <v>137</v>
      </c>
      <c r="C14" s="3" t="s">
        <v>3</v>
      </c>
      <c r="D14" s="17" t="s">
        <v>4</v>
      </c>
      <c r="E14" s="17" t="s">
        <v>138</v>
      </c>
      <c r="F14" s="17" t="s">
        <v>139</v>
      </c>
      <c r="G14" s="15" t="s">
        <v>1</v>
      </c>
      <c r="H14" s="3" t="s">
        <v>1</v>
      </c>
      <c r="I14" s="17" t="s">
        <v>140</v>
      </c>
      <c r="J14" s="13" t="s">
        <v>0</v>
      </c>
      <c r="K14" s="5" t="s">
        <v>0</v>
      </c>
      <c r="L14" s="15" t="s">
        <v>0</v>
      </c>
      <c r="M14" s="15" t="s">
        <v>0</v>
      </c>
      <c r="N14" s="15" t="s">
        <v>0</v>
      </c>
      <c r="O14" s="5" t="s">
        <v>1</v>
      </c>
      <c r="P14" s="3" t="s">
        <v>0</v>
      </c>
      <c r="Q14" s="15" t="s">
        <v>1</v>
      </c>
      <c r="R14" s="5" t="s">
        <v>1</v>
      </c>
      <c r="S14" s="5" t="s">
        <v>1</v>
      </c>
      <c r="T14" s="5" t="s">
        <v>2</v>
      </c>
      <c r="U14" s="5" t="s">
        <v>141</v>
      </c>
      <c r="V14" s="15" t="s">
        <v>1</v>
      </c>
      <c r="W14" s="4">
        <v>45126</v>
      </c>
      <c r="X14" s="4">
        <v>47087</v>
      </c>
      <c r="Y14" s="4">
        <v>45126</v>
      </c>
    </row>
    <row r="15" spans="1:25" ht="35.25" customHeight="1">
      <c r="A15" s="15" t="s">
        <v>142</v>
      </c>
      <c r="B15" s="3" t="s">
        <v>143</v>
      </c>
      <c r="C15" s="3" t="s">
        <v>3</v>
      </c>
      <c r="D15" s="17" t="s">
        <v>4</v>
      </c>
      <c r="E15" s="17" t="s">
        <v>144</v>
      </c>
      <c r="F15" s="17" t="s">
        <v>145</v>
      </c>
      <c r="G15" s="15" t="s">
        <v>1</v>
      </c>
      <c r="H15" s="3" t="s">
        <v>146</v>
      </c>
      <c r="I15" s="17" t="s">
        <v>147</v>
      </c>
      <c r="J15" s="13" t="s">
        <v>0</v>
      </c>
      <c r="K15" s="5" t="s">
        <v>0</v>
      </c>
      <c r="L15" s="15" t="s">
        <v>0</v>
      </c>
      <c r="M15" s="15" t="s">
        <v>0</v>
      </c>
      <c r="N15" s="15" t="s">
        <v>0</v>
      </c>
      <c r="O15" s="5" t="s">
        <v>1</v>
      </c>
      <c r="P15" s="3" t="s">
        <v>0</v>
      </c>
      <c r="Q15" s="15" t="s">
        <v>1</v>
      </c>
      <c r="R15" s="5" t="s">
        <v>1</v>
      </c>
      <c r="S15" s="5" t="s">
        <v>1</v>
      </c>
      <c r="T15" s="5" t="s">
        <v>75</v>
      </c>
      <c r="U15" s="5" t="s">
        <v>148</v>
      </c>
      <c r="V15" s="15" t="s">
        <v>1</v>
      </c>
      <c r="W15" s="4">
        <v>45112</v>
      </c>
      <c r="X15" s="4">
        <v>47087</v>
      </c>
      <c r="Y15" s="4">
        <v>45112</v>
      </c>
    </row>
    <row r="16" spans="1:25" ht="35.25" customHeight="1">
      <c r="A16" s="15" t="s">
        <v>149</v>
      </c>
      <c r="B16" s="3" t="s">
        <v>150</v>
      </c>
      <c r="C16" s="3" t="s">
        <v>3</v>
      </c>
      <c r="D16" s="17" t="s">
        <v>4</v>
      </c>
      <c r="E16" s="17" t="s">
        <v>151</v>
      </c>
      <c r="F16" s="17" t="s">
        <v>152</v>
      </c>
      <c r="G16" s="15" t="s">
        <v>1</v>
      </c>
      <c r="H16" s="3" t="s">
        <v>1</v>
      </c>
      <c r="I16" s="17" t="s">
        <v>153</v>
      </c>
      <c r="J16" s="13" t="s">
        <v>154</v>
      </c>
      <c r="K16" s="5" t="s">
        <v>3</v>
      </c>
      <c r="L16" s="15" t="s">
        <v>155</v>
      </c>
      <c r="M16" s="15" t="s">
        <v>156</v>
      </c>
      <c r="N16" s="15" t="s">
        <v>1</v>
      </c>
      <c r="O16" s="5" t="s">
        <v>1</v>
      </c>
      <c r="P16" s="3" t="s">
        <v>157</v>
      </c>
      <c r="Q16" s="15" t="s">
        <v>1</v>
      </c>
      <c r="R16" s="5" t="s">
        <v>1</v>
      </c>
      <c r="S16" s="5" t="s">
        <v>158</v>
      </c>
      <c r="T16" s="5" t="s">
        <v>2</v>
      </c>
      <c r="U16" s="5" t="s">
        <v>159</v>
      </c>
      <c r="V16" s="15" t="s">
        <v>1</v>
      </c>
      <c r="W16" s="4">
        <v>45113</v>
      </c>
      <c r="X16" s="4">
        <v>47118</v>
      </c>
      <c r="Y16" s="4">
        <v>45113</v>
      </c>
    </row>
    <row r="17" spans="1:25" ht="35.25" customHeight="1">
      <c r="A17" s="15" t="s">
        <v>160</v>
      </c>
      <c r="B17" s="3" t="s">
        <v>161</v>
      </c>
      <c r="C17" s="3" t="s">
        <v>3</v>
      </c>
      <c r="D17" s="17" t="s">
        <v>4</v>
      </c>
      <c r="E17" s="17" t="s">
        <v>162</v>
      </c>
      <c r="F17" s="17" t="s">
        <v>163</v>
      </c>
      <c r="G17" s="15" t="s">
        <v>1</v>
      </c>
      <c r="H17" s="3" t="s">
        <v>0</v>
      </c>
      <c r="I17" s="17" t="s">
        <v>164</v>
      </c>
      <c r="J17" s="13" t="s">
        <v>0</v>
      </c>
      <c r="K17" s="5" t="s">
        <v>0</v>
      </c>
      <c r="L17" s="15" t="s">
        <v>0</v>
      </c>
      <c r="M17" s="15" t="s">
        <v>0</v>
      </c>
      <c r="N17" s="15" t="s">
        <v>0</v>
      </c>
      <c r="O17" s="15" t="s">
        <v>1</v>
      </c>
      <c r="P17" s="3" t="s">
        <v>0</v>
      </c>
      <c r="Q17" s="15" t="s">
        <v>1</v>
      </c>
      <c r="R17" s="5" t="s">
        <v>1</v>
      </c>
      <c r="S17" s="15" t="s">
        <v>1</v>
      </c>
      <c r="T17" s="5" t="s">
        <v>5</v>
      </c>
      <c r="U17" s="5" t="s">
        <v>165</v>
      </c>
      <c r="V17" s="15" t="s">
        <v>1</v>
      </c>
      <c r="W17" s="4">
        <v>45113</v>
      </c>
      <c r="X17" s="4">
        <v>47057</v>
      </c>
      <c r="Y17" s="4">
        <v>45113</v>
      </c>
    </row>
    <row r="18" spans="1:25" ht="35.25" customHeight="1">
      <c r="A18" s="15" t="s">
        <v>166</v>
      </c>
      <c r="B18" s="3" t="s">
        <v>167</v>
      </c>
      <c r="C18" s="3" t="s">
        <v>3</v>
      </c>
      <c r="D18" s="17" t="s">
        <v>4</v>
      </c>
      <c r="E18" s="17" t="s">
        <v>168</v>
      </c>
      <c r="F18" s="17" t="s">
        <v>169</v>
      </c>
      <c r="G18" s="15" t="s">
        <v>1</v>
      </c>
      <c r="H18" s="3" t="s">
        <v>170</v>
      </c>
      <c r="I18" s="17" t="s">
        <v>171</v>
      </c>
      <c r="J18" s="13" t="s">
        <v>167</v>
      </c>
      <c r="K18" s="5" t="s">
        <v>3</v>
      </c>
      <c r="L18" s="15" t="s">
        <v>4</v>
      </c>
      <c r="M18" s="15" t="s">
        <v>172</v>
      </c>
      <c r="N18" s="15" t="s">
        <v>1</v>
      </c>
      <c r="O18" s="5" t="s">
        <v>1</v>
      </c>
      <c r="P18" s="3" t="s">
        <v>173</v>
      </c>
      <c r="Q18" s="15" t="s">
        <v>1</v>
      </c>
      <c r="R18" s="5" t="s">
        <v>1</v>
      </c>
      <c r="S18" s="5" t="s">
        <v>174</v>
      </c>
      <c r="T18" s="5" t="s">
        <v>53</v>
      </c>
      <c r="U18" s="5" t="s">
        <v>175</v>
      </c>
      <c r="V18" s="15" t="s">
        <v>1</v>
      </c>
      <c r="W18" s="4">
        <v>45128</v>
      </c>
      <c r="X18" s="4">
        <v>47026</v>
      </c>
      <c r="Y18" s="4">
        <v>45128</v>
      </c>
    </row>
    <row r="19" spans="1:25" ht="35.25" customHeight="1">
      <c r="A19" s="15" t="s">
        <v>176</v>
      </c>
      <c r="B19" s="3" t="s">
        <v>278</v>
      </c>
      <c r="C19" s="3" t="s">
        <v>3</v>
      </c>
      <c r="D19" s="17" t="s">
        <v>4</v>
      </c>
      <c r="E19" s="17" t="s">
        <v>177</v>
      </c>
      <c r="F19" s="17" t="s">
        <v>178</v>
      </c>
      <c r="G19" s="15" t="s">
        <v>1</v>
      </c>
      <c r="H19" s="3" t="s">
        <v>279</v>
      </c>
      <c r="I19" s="17" t="s">
        <v>179</v>
      </c>
      <c r="J19" s="13" t="s">
        <v>280</v>
      </c>
      <c r="K19" s="5" t="s">
        <v>35</v>
      </c>
      <c r="L19" s="15" t="s">
        <v>180</v>
      </c>
      <c r="M19" s="15" t="s">
        <v>281</v>
      </c>
      <c r="N19" s="15" t="s">
        <v>282</v>
      </c>
      <c r="O19" s="5" t="s">
        <v>1</v>
      </c>
      <c r="P19" s="3" t="s">
        <v>283</v>
      </c>
      <c r="Q19" s="15" t="s">
        <v>37</v>
      </c>
      <c r="R19" s="5" t="s">
        <v>284</v>
      </c>
      <c r="S19" s="5" t="s">
        <v>285</v>
      </c>
      <c r="T19" s="5" t="s">
        <v>2</v>
      </c>
      <c r="U19" s="5" t="s">
        <v>286</v>
      </c>
      <c r="V19" s="15" t="s">
        <v>1</v>
      </c>
      <c r="W19" s="4">
        <v>45126</v>
      </c>
      <c r="X19" s="4">
        <v>47057</v>
      </c>
      <c r="Y19" s="4">
        <v>45126</v>
      </c>
    </row>
    <row r="20" spans="1:25" ht="35.25" customHeight="1">
      <c r="A20" s="15" t="s">
        <v>181</v>
      </c>
      <c r="B20" s="3" t="s">
        <v>97</v>
      </c>
      <c r="C20" s="3" t="s">
        <v>3</v>
      </c>
      <c r="D20" s="17" t="s">
        <v>4</v>
      </c>
      <c r="E20" s="17" t="s">
        <v>182</v>
      </c>
      <c r="F20" s="17" t="s">
        <v>183</v>
      </c>
      <c r="G20" s="15" t="s">
        <v>1</v>
      </c>
      <c r="H20" s="3" t="s">
        <v>0</v>
      </c>
      <c r="I20" s="17" t="s">
        <v>184</v>
      </c>
      <c r="J20" s="13" t="s">
        <v>185</v>
      </c>
      <c r="K20" s="5" t="s">
        <v>3</v>
      </c>
      <c r="L20" s="15" t="s">
        <v>48</v>
      </c>
      <c r="M20" s="15" t="s">
        <v>186</v>
      </c>
      <c r="N20" s="15" t="s">
        <v>187</v>
      </c>
      <c r="O20" s="5" t="s">
        <v>1</v>
      </c>
      <c r="P20" s="3" t="s">
        <v>0</v>
      </c>
      <c r="Q20" s="15" t="s">
        <v>1</v>
      </c>
      <c r="R20" s="5" t="s">
        <v>1</v>
      </c>
      <c r="S20" s="5" t="s">
        <v>188</v>
      </c>
      <c r="T20" s="5" t="s">
        <v>54</v>
      </c>
      <c r="U20" s="5" t="s">
        <v>189</v>
      </c>
      <c r="V20" s="15" t="s">
        <v>1</v>
      </c>
      <c r="W20" s="4">
        <v>45131</v>
      </c>
      <c r="X20" s="4">
        <v>46965</v>
      </c>
      <c r="Y20" s="4">
        <v>45131</v>
      </c>
    </row>
    <row r="21" spans="1:25" ht="35.25" customHeight="1">
      <c r="A21" s="15" t="s">
        <v>190</v>
      </c>
      <c r="B21" s="3" t="s">
        <v>191</v>
      </c>
      <c r="C21" s="3" t="s">
        <v>3</v>
      </c>
      <c r="D21" s="17" t="s">
        <v>4</v>
      </c>
      <c r="E21" s="17" t="s">
        <v>192</v>
      </c>
      <c r="F21" s="17" t="s">
        <v>193</v>
      </c>
      <c r="G21" s="15" t="s">
        <v>1</v>
      </c>
      <c r="H21" s="3" t="s">
        <v>0</v>
      </c>
      <c r="I21" s="17" t="s">
        <v>194</v>
      </c>
      <c r="J21" s="13" t="s">
        <v>0</v>
      </c>
      <c r="K21" s="5" t="s">
        <v>0</v>
      </c>
      <c r="L21" s="15" t="s">
        <v>0</v>
      </c>
      <c r="M21" s="15" t="s">
        <v>0</v>
      </c>
      <c r="N21" s="15" t="s">
        <v>0</v>
      </c>
      <c r="O21" s="5" t="s">
        <v>1</v>
      </c>
      <c r="P21" s="3" t="s">
        <v>0</v>
      </c>
      <c r="Q21" s="15" t="s">
        <v>1</v>
      </c>
      <c r="R21" s="5" t="s">
        <v>1</v>
      </c>
      <c r="S21" s="5" t="s">
        <v>1</v>
      </c>
      <c r="T21" s="5" t="s">
        <v>5</v>
      </c>
      <c r="U21" s="5" t="s">
        <v>195</v>
      </c>
      <c r="V21" s="15" t="s">
        <v>1</v>
      </c>
      <c r="W21" s="4">
        <v>45135</v>
      </c>
      <c r="X21" s="4">
        <v>47026</v>
      </c>
      <c r="Y21" s="4">
        <v>45135</v>
      </c>
    </row>
    <row r="22" spans="1:25" ht="35.25" customHeight="1">
      <c r="A22" s="15" t="s">
        <v>190</v>
      </c>
      <c r="B22" s="3" t="s">
        <v>191</v>
      </c>
      <c r="C22" s="3" t="s">
        <v>3</v>
      </c>
      <c r="D22" s="17" t="s">
        <v>4</v>
      </c>
      <c r="E22" s="17" t="s">
        <v>192</v>
      </c>
      <c r="F22" s="17" t="s">
        <v>193</v>
      </c>
      <c r="G22" s="15" t="s">
        <v>1</v>
      </c>
      <c r="H22" s="3" t="s">
        <v>0</v>
      </c>
      <c r="I22" s="17" t="s">
        <v>194</v>
      </c>
      <c r="J22" s="13" t="s">
        <v>0</v>
      </c>
      <c r="K22" s="5" t="s">
        <v>0</v>
      </c>
      <c r="L22" s="15" t="s">
        <v>0</v>
      </c>
      <c r="M22" s="15" t="s">
        <v>0</v>
      </c>
      <c r="N22" s="15" t="s">
        <v>0</v>
      </c>
      <c r="O22" s="5" t="s">
        <v>1</v>
      </c>
      <c r="P22" s="3" t="s">
        <v>0</v>
      </c>
      <c r="Q22" s="15" t="s">
        <v>1</v>
      </c>
      <c r="R22" s="5" t="s">
        <v>1</v>
      </c>
      <c r="S22" s="5" t="s">
        <v>1</v>
      </c>
      <c r="T22" s="5" t="s">
        <v>66</v>
      </c>
      <c r="U22" s="5" t="s">
        <v>196</v>
      </c>
      <c r="V22" s="15" t="s">
        <v>1</v>
      </c>
      <c r="W22" s="4">
        <v>45135</v>
      </c>
      <c r="X22" s="4">
        <v>47026</v>
      </c>
      <c r="Y22" s="4">
        <v>45135</v>
      </c>
    </row>
    <row r="23" spans="1:25" ht="35.25" customHeight="1">
      <c r="A23" s="15" t="s">
        <v>197</v>
      </c>
      <c r="B23" s="3" t="s">
        <v>41</v>
      </c>
      <c r="C23" s="3" t="s">
        <v>3</v>
      </c>
      <c r="D23" s="17" t="s">
        <v>6</v>
      </c>
      <c r="E23" s="17" t="s">
        <v>198</v>
      </c>
      <c r="F23" s="17" t="s">
        <v>199</v>
      </c>
      <c r="G23" s="15" t="s">
        <v>1</v>
      </c>
      <c r="H23" s="3" t="s">
        <v>200</v>
      </c>
      <c r="I23" s="17" t="s">
        <v>201</v>
      </c>
      <c r="J23" s="13" t="s">
        <v>202</v>
      </c>
      <c r="K23" s="5" t="s">
        <v>3</v>
      </c>
      <c r="L23" s="15" t="s">
        <v>61</v>
      </c>
      <c r="M23" s="15" t="s">
        <v>203</v>
      </c>
      <c r="N23" s="15" t="s">
        <v>204</v>
      </c>
      <c r="O23" s="5" t="s">
        <v>1</v>
      </c>
      <c r="P23" s="3" t="s">
        <v>205</v>
      </c>
      <c r="Q23" s="15" t="s">
        <v>1</v>
      </c>
      <c r="R23" s="5" t="s">
        <v>1</v>
      </c>
      <c r="S23" s="5" t="s">
        <v>206</v>
      </c>
      <c r="T23" s="5" t="s">
        <v>2</v>
      </c>
      <c r="U23" s="5" t="s">
        <v>207</v>
      </c>
      <c r="V23" s="15" t="s">
        <v>1</v>
      </c>
      <c r="W23" s="4">
        <v>45121</v>
      </c>
      <c r="X23" s="4">
        <v>47118</v>
      </c>
      <c r="Y23" s="4">
        <v>45121</v>
      </c>
    </row>
    <row r="24" spans="1:25" ht="35.25" customHeight="1">
      <c r="A24" s="15" t="s">
        <v>197</v>
      </c>
      <c r="B24" s="3" t="s">
        <v>41</v>
      </c>
      <c r="C24" s="3" t="s">
        <v>3</v>
      </c>
      <c r="D24" s="17" t="s">
        <v>6</v>
      </c>
      <c r="E24" s="17" t="s">
        <v>198</v>
      </c>
      <c r="F24" s="17" t="s">
        <v>199</v>
      </c>
      <c r="G24" s="15" t="s">
        <v>1</v>
      </c>
      <c r="H24" s="3" t="s">
        <v>200</v>
      </c>
      <c r="I24" s="17" t="s">
        <v>201</v>
      </c>
      <c r="J24" s="13" t="s">
        <v>202</v>
      </c>
      <c r="K24" s="5" t="s">
        <v>3</v>
      </c>
      <c r="L24" s="15" t="s">
        <v>61</v>
      </c>
      <c r="M24" s="15" t="s">
        <v>203</v>
      </c>
      <c r="N24" s="15" t="s">
        <v>204</v>
      </c>
      <c r="O24" s="5" t="s">
        <v>1</v>
      </c>
      <c r="P24" s="3" t="s">
        <v>205</v>
      </c>
      <c r="Q24" s="15" t="s">
        <v>1</v>
      </c>
      <c r="R24" s="5" t="s">
        <v>1</v>
      </c>
      <c r="S24" s="5" t="s">
        <v>206</v>
      </c>
      <c r="T24" s="5" t="s">
        <v>9</v>
      </c>
      <c r="U24" s="5" t="s">
        <v>208</v>
      </c>
      <c r="V24" s="15" t="s">
        <v>1</v>
      </c>
      <c r="W24" s="4">
        <v>45121</v>
      </c>
      <c r="X24" s="4">
        <v>47118</v>
      </c>
      <c r="Y24" s="4">
        <v>45121</v>
      </c>
    </row>
    <row r="25" spans="1:25" ht="35.25" customHeight="1">
      <c r="A25" s="15" t="s">
        <v>209</v>
      </c>
      <c r="B25" s="3" t="s">
        <v>39</v>
      </c>
      <c r="C25" s="3" t="s">
        <v>3</v>
      </c>
      <c r="D25" s="17" t="s">
        <v>4</v>
      </c>
      <c r="E25" s="17" t="s">
        <v>40</v>
      </c>
      <c r="F25" s="17" t="s">
        <v>210</v>
      </c>
      <c r="G25" s="15" t="s">
        <v>211</v>
      </c>
      <c r="H25" s="3" t="s">
        <v>1</v>
      </c>
      <c r="I25" s="17" t="s">
        <v>212</v>
      </c>
      <c r="J25" s="13" t="s">
        <v>213</v>
      </c>
      <c r="K25" s="5" t="s">
        <v>3</v>
      </c>
      <c r="L25" s="15" t="s">
        <v>4</v>
      </c>
      <c r="M25" s="15" t="s">
        <v>214</v>
      </c>
      <c r="N25" s="15" t="s">
        <v>215</v>
      </c>
      <c r="O25" s="5" t="s">
        <v>1</v>
      </c>
      <c r="P25" s="3" t="s">
        <v>216</v>
      </c>
      <c r="Q25" s="15" t="s">
        <v>1</v>
      </c>
      <c r="R25" s="5" t="s">
        <v>1</v>
      </c>
      <c r="S25" s="5" t="s">
        <v>217</v>
      </c>
      <c r="T25" s="5" t="s">
        <v>2</v>
      </c>
      <c r="U25" s="5" t="s">
        <v>218</v>
      </c>
      <c r="V25" s="15" t="s">
        <v>1</v>
      </c>
      <c r="W25" s="4">
        <v>45128</v>
      </c>
      <c r="X25" s="4">
        <v>47118</v>
      </c>
      <c r="Y25" s="4">
        <v>45128</v>
      </c>
    </row>
    <row r="26" spans="1:25" ht="35.25" customHeight="1">
      <c r="A26" s="15" t="s">
        <v>219</v>
      </c>
      <c r="B26" s="3" t="s">
        <v>39</v>
      </c>
      <c r="C26" s="3" t="s">
        <v>3</v>
      </c>
      <c r="D26" s="17" t="s">
        <v>4</v>
      </c>
      <c r="E26" s="17" t="s">
        <v>40</v>
      </c>
      <c r="F26" s="17" t="s">
        <v>210</v>
      </c>
      <c r="G26" s="15" t="s">
        <v>220</v>
      </c>
      <c r="H26" s="3" t="s">
        <v>1</v>
      </c>
      <c r="I26" s="17" t="s">
        <v>212</v>
      </c>
      <c r="J26" s="13" t="s">
        <v>213</v>
      </c>
      <c r="K26" s="5" t="s">
        <v>3</v>
      </c>
      <c r="L26" s="15" t="s">
        <v>4</v>
      </c>
      <c r="M26" s="15" t="s">
        <v>214</v>
      </c>
      <c r="N26" s="15" t="s">
        <v>215</v>
      </c>
      <c r="O26" s="5" t="s">
        <v>1</v>
      </c>
      <c r="P26" s="3" t="s">
        <v>216</v>
      </c>
      <c r="Q26" s="15" t="s">
        <v>1</v>
      </c>
      <c r="R26" s="5" t="s">
        <v>1</v>
      </c>
      <c r="S26" s="5" t="s">
        <v>217</v>
      </c>
      <c r="T26" s="5" t="s">
        <v>2</v>
      </c>
      <c r="U26" s="5" t="s">
        <v>221</v>
      </c>
      <c r="V26" s="15" t="s">
        <v>1</v>
      </c>
      <c r="W26" s="4">
        <v>45131</v>
      </c>
      <c r="X26" s="4">
        <v>47118</v>
      </c>
      <c r="Y26" s="4">
        <v>45131</v>
      </c>
    </row>
    <row r="27" spans="1:25" ht="45.75" customHeight="1">
      <c r="A27" s="15" t="s">
        <v>287</v>
      </c>
      <c r="B27" s="3" t="s">
        <v>36</v>
      </c>
      <c r="C27" s="3" t="s">
        <v>3</v>
      </c>
      <c r="D27" s="17" t="s">
        <v>4</v>
      </c>
      <c r="E27" s="17" t="s">
        <v>46</v>
      </c>
      <c r="F27" s="17" t="s">
        <v>222</v>
      </c>
      <c r="G27" s="15" t="s">
        <v>223</v>
      </c>
      <c r="H27" s="3" t="s">
        <v>1</v>
      </c>
      <c r="I27" s="17" t="s">
        <v>288</v>
      </c>
      <c r="J27" s="13" t="s">
        <v>0</v>
      </c>
      <c r="K27" s="5" t="s">
        <v>0</v>
      </c>
      <c r="L27" s="15" t="s">
        <v>0</v>
      </c>
      <c r="M27" s="15" t="s">
        <v>0</v>
      </c>
      <c r="N27" s="15" t="s">
        <v>0</v>
      </c>
      <c r="O27" s="5" t="s">
        <v>1</v>
      </c>
      <c r="P27" s="3" t="s">
        <v>0</v>
      </c>
      <c r="Q27" s="15" t="s">
        <v>1</v>
      </c>
      <c r="R27" s="5" t="s">
        <v>1</v>
      </c>
      <c r="S27" s="5" t="s">
        <v>1</v>
      </c>
      <c r="T27" s="5" t="s">
        <v>2</v>
      </c>
      <c r="U27" s="5" t="s">
        <v>224</v>
      </c>
      <c r="V27" s="15" t="s">
        <v>1</v>
      </c>
      <c r="W27" s="4">
        <v>45120</v>
      </c>
      <c r="X27" s="4">
        <v>47118</v>
      </c>
      <c r="Y27" s="4">
        <v>45120</v>
      </c>
    </row>
    <row r="28" spans="1:25" ht="35.25" customHeight="1">
      <c r="A28" s="15" t="s">
        <v>225</v>
      </c>
      <c r="B28" s="3" t="s">
        <v>109</v>
      </c>
      <c r="C28" s="3" t="s">
        <v>3</v>
      </c>
      <c r="D28" s="17" t="s">
        <v>4</v>
      </c>
      <c r="E28" s="17" t="s">
        <v>226</v>
      </c>
      <c r="F28" s="17" t="s">
        <v>227</v>
      </c>
      <c r="G28" s="15" t="s">
        <v>1</v>
      </c>
      <c r="H28" s="3" t="s">
        <v>228</v>
      </c>
      <c r="I28" s="17" t="s">
        <v>201</v>
      </c>
      <c r="J28" s="13" t="s">
        <v>202</v>
      </c>
      <c r="K28" s="5" t="s">
        <v>3</v>
      </c>
      <c r="L28" s="15" t="s">
        <v>61</v>
      </c>
      <c r="M28" s="15" t="s">
        <v>203</v>
      </c>
      <c r="N28" s="15" t="s">
        <v>204</v>
      </c>
      <c r="O28" s="5" t="s">
        <v>1</v>
      </c>
      <c r="P28" s="3" t="s">
        <v>205</v>
      </c>
      <c r="Q28" s="15" t="s">
        <v>1</v>
      </c>
      <c r="R28" s="5" t="s">
        <v>1</v>
      </c>
      <c r="S28" s="5" t="s">
        <v>206</v>
      </c>
      <c r="T28" s="5" t="s">
        <v>9</v>
      </c>
      <c r="U28" s="5" t="s">
        <v>229</v>
      </c>
      <c r="V28" s="15" t="s">
        <v>1</v>
      </c>
      <c r="W28" s="4">
        <v>45128</v>
      </c>
      <c r="X28" s="4">
        <v>46965</v>
      </c>
      <c r="Y28" s="4">
        <v>45128</v>
      </c>
    </row>
    <row r="29" spans="1:25" ht="35.25" customHeight="1">
      <c r="A29" s="15" t="s">
        <v>225</v>
      </c>
      <c r="B29" s="3" t="s">
        <v>109</v>
      </c>
      <c r="C29" s="3" t="s">
        <v>3</v>
      </c>
      <c r="D29" s="17" t="s">
        <v>4</v>
      </c>
      <c r="E29" s="17" t="s">
        <v>226</v>
      </c>
      <c r="F29" s="17" t="s">
        <v>227</v>
      </c>
      <c r="G29" s="15" t="s">
        <v>1</v>
      </c>
      <c r="H29" s="3" t="s">
        <v>228</v>
      </c>
      <c r="I29" s="17" t="s">
        <v>201</v>
      </c>
      <c r="J29" s="13" t="s">
        <v>202</v>
      </c>
      <c r="K29" s="5" t="s">
        <v>3</v>
      </c>
      <c r="L29" s="15" t="s">
        <v>61</v>
      </c>
      <c r="M29" s="15" t="s">
        <v>203</v>
      </c>
      <c r="N29" s="15" t="s">
        <v>204</v>
      </c>
      <c r="O29" s="5" t="s">
        <v>1</v>
      </c>
      <c r="P29" s="3" t="s">
        <v>205</v>
      </c>
      <c r="Q29" s="15" t="s">
        <v>1</v>
      </c>
      <c r="R29" s="5" t="s">
        <v>1</v>
      </c>
      <c r="S29" s="5" t="s">
        <v>206</v>
      </c>
      <c r="T29" s="5" t="s">
        <v>38</v>
      </c>
      <c r="U29" s="5" t="s">
        <v>230</v>
      </c>
      <c r="V29" s="15" t="s">
        <v>1</v>
      </c>
      <c r="W29" s="4">
        <v>45128</v>
      </c>
      <c r="X29" s="4">
        <v>46965</v>
      </c>
      <c r="Y29" s="4">
        <v>45128</v>
      </c>
    </row>
    <row r="30" spans="1:25" ht="35.25" customHeight="1">
      <c r="A30" s="15" t="s">
        <v>225</v>
      </c>
      <c r="B30" s="3" t="s">
        <v>109</v>
      </c>
      <c r="C30" s="3" t="s">
        <v>3</v>
      </c>
      <c r="D30" s="17" t="s">
        <v>4</v>
      </c>
      <c r="E30" s="17" t="s">
        <v>226</v>
      </c>
      <c r="F30" s="17" t="s">
        <v>227</v>
      </c>
      <c r="G30" s="15" t="s">
        <v>1</v>
      </c>
      <c r="H30" s="3" t="s">
        <v>228</v>
      </c>
      <c r="I30" s="17" t="s">
        <v>201</v>
      </c>
      <c r="J30" s="13" t="s">
        <v>202</v>
      </c>
      <c r="K30" s="5" t="s">
        <v>3</v>
      </c>
      <c r="L30" s="15" t="s">
        <v>61</v>
      </c>
      <c r="M30" s="15" t="s">
        <v>203</v>
      </c>
      <c r="N30" s="15" t="s">
        <v>204</v>
      </c>
      <c r="O30" s="5" t="s">
        <v>1</v>
      </c>
      <c r="P30" s="3" t="s">
        <v>205</v>
      </c>
      <c r="Q30" s="15" t="s">
        <v>1</v>
      </c>
      <c r="R30" s="5" t="s">
        <v>1</v>
      </c>
      <c r="S30" s="5" t="s">
        <v>206</v>
      </c>
      <c r="T30" s="5" t="s">
        <v>54</v>
      </c>
      <c r="U30" s="5" t="s">
        <v>231</v>
      </c>
      <c r="V30" s="15" t="s">
        <v>1</v>
      </c>
      <c r="W30" s="4">
        <v>45128</v>
      </c>
      <c r="X30" s="4">
        <v>46965</v>
      </c>
      <c r="Y30" s="4">
        <v>45128</v>
      </c>
    </row>
    <row r="31" spans="1:25" ht="35.25" customHeight="1">
      <c r="A31" s="15" t="s">
        <v>232</v>
      </c>
      <c r="B31" s="3" t="s">
        <v>39</v>
      </c>
      <c r="C31" s="3" t="s">
        <v>3</v>
      </c>
      <c r="D31" s="17" t="s">
        <v>4</v>
      </c>
      <c r="E31" s="17" t="s">
        <v>40</v>
      </c>
      <c r="F31" s="17" t="s">
        <v>42</v>
      </c>
      <c r="G31" s="15" t="s">
        <v>233</v>
      </c>
      <c r="H31" s="3" t="s">
        <v>0</v>
      </c>
      <c r="I31" s="17" t="s">
        <v>289</v>
      </c>
      <c r="J31" s="13" t="s">
        <v>39</v>
      </c>
      <c r="K31" s="5" t="s">
        <v>3</v>
      </c>
      <c r="L31" s="15" t="s">
        <v>4</v>
      </c>
      <c r="M31" s="15" t="s">
        <v>40</v>
      </c>
      <c r="N31" s="15" t="s">
        <v>234</v>
      </c>
      <c r="O31" s="5" t="s">
        <v>1</v>
      </c>
      <c r="P31" s="3" t="s">
        <v>235</v>
      </c>
      <c r="Q31" s="15" t="s">
        <v>1</v>
      </c>
      <c r="R31" s="5" t="s">
        <v>1</v>
      </c>
      <c r="S31" s="5" t="s">
        <v>236</v>
      </c>
      <c r="T31" s="5" t="s">
        <v>2</v>
      </c>
      <c r="U31" s="5" t="s">
        <v>237</v>
      </c>
      <c r="V31" s="15" t="s">
        <v>1</v>
      </c>
      <c r="W31" s="4">
        <v>45128</v>
      </c>
      <c r="X31" s="4">
        <v>47118</v>
      </c>
      <c r="Y31" s="4">
        <v>45128</v>
      </c>
    </row>
    <row r="32" spans="1:25" ht="35.25" customHeight="1">
      <c r="A32" s="15" t="s">
        <v>238</v>
      </c>
      <c r="B32" s="3" t="s">
        <v>0</v>
      </c>
      <c r="C32" s="3" t="s">
        <v>0</v>
      </c>
      <c r="D32" s="17" t="s">
        <v>0</v>
      </c>
      <c r="E32" s="17" t="s">
        <v>0</v>
      </c>
      <c r="F32" s="17" t="s">
        <v>0</v>
      </c>
      <c r="G32" s="15" t="s">
        <v>1</v>
      </c>
      <c r="H32" s="3" t="s">
        <v>1</v>
      </c>
      <c r="I32" s="17" t="s">
        <v>239</v>
      </c>
      <c r="J32" s="13" t="s">
        <v>0</v>
      </c>
      <c r="K32" s="5" t="s">
        <v>0</v>
      </c>
      <c r="L32" s="15" t="s">
        <v>0</v>
      </c>
      <c r="M32" s="15" t="s">
        <v>0</v>
      </c>
      <c r="N32" s="15" t="s">
        <v>0</v>
      </c>
      <c r="O32" s="5" t="s">
        <v>1</v>
      </c>
      <c r="P32" s="3" t="s">
        <v>0</v>
      </c>
      <c r="Q32" s="15" t="s">
        <v>1</v>
      </c>
      <c r="R32" s="5" t="s">
        <v>1</v>
      </c>
      <c r="S32" s="5" t="s">
        <v>1</v>
      </c>
      <c r="T32" s="5" t="s">
        <v>2</v>
      </c>
      <c r="U32" s="5" t="s">
        <v>240</v>
      </c>
      <c r="V32" s="15" t="s">
        <v>290</v>
      </c>
      <c r="W32" s="4">
        <v>45131</v>
      </c>
      <c r="X32" s="4">
        <v>46996</v>
      </c>
      <c r="Y32" s="4">
        <v>45131</v>
      </c>
    </row>
    <row r="33" spans="1:25" ht="35.25" customHeight="1">
      <c r="A33" s="15" t="s">
        <v>241</v>
      </c>
      <c r="B33" s="3" t="s">
        <v>242</v>
      </c>
      <c r="C33" s="3" t="s">
        <v>3</v>
      </c>
      <c r="D33" s="17" t="s">
        <v>4</v>
      </c>
      <c r="E33" s="17" t="s">
        <v>243</v>
      </c>
      <c r="F33" s="17" t="s">
        <v>244</v>
      </c>
      <c r="G33" s="15" t="s">
        <v>1</v>
      </c>
      <c r="H33" s="3" t="s">
        <v>245</v>
      </c>
      <c r="I33" s="17" t="s">
        <v>246</v>
      </c>
      <c r="J33" s="13" t="s">
        <v>247</v>
      </c>
      <c r="K33" s="5" t="s">
        <v>3</v>
      </c>
      <c r="L33" s="15" t="s">
        <v>248</v>
      </c>
      <c r="M33" s="15" t="s">
        <v>249</v>
      </c>
      <c r="N33" s="15" t="s">
        <v>250</v>
      </c>
      <c r="O33" s="5" t="s">
        <v>1</v>
      </c>
      <c r="P33" s="3" t="s">
        <v>251</v>
      </c>
      <c r="Q33" s="15" t="s">
        <v>1</v>
      </c>
      <c r="R33" s="5" t="s">
        <v>1</v>
      </c>
      <c r="S33" s="5" t="s">
        <v>252</v>
      </c>
      <c r="T33" s="5" t="s">
        <v>2</v>
      </c>
      <c r="U33" s="5" t="s">
        <v>253</v>
      </c>
      <c r="V33" s="15" t="s">
        <v>55</v>
      </c>
      <c r="W33" s="4">
        <v>45134</v>
      </c>
      <c r="X33" s="4">
        <v>47026</v>
      </c>
      <c r="Y33" s="4">
        <v>45134</v>
      </c>
    </row>
  </sheetData>
  <mergeCells count="3">
    <mergeCell ref="A1:H1"/>
    <mergeCell ref="T1:Y1"/>
    <mergeCell ref="I1:S1"/>
  </mergeCells>
  <phoneticPr fontId="1"/>
  <pageMargins left="0.31496062992125984" right="0.31496062992125984" top="0.74803149606299213" bottom="0.74803149606299213" header="0.31496062992125984" footer="0.31496062992125984"/>
  <pageSetup paperSize="9" scale="37" fitToHeight="0" orientation="landscape" r:id="rId1"/>
  <headerFooter>
    <oddHeader xml:space="preserve">&amp;L&amp;20食品営業許可施設一覧（広島県西部東保健所管内）
【令和5年7月１日～7月31日許可施設】&amp;11
&amp;14※特殊文字等一部正しく表示されない文字があります。&amp;11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広島県西部東 R5.7.1～R5.7.31許可</vt:lpstr>
    </vt:vector>
  </TitlesOfParts>
  <Company>広島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23-08-04T04:38:37Z</cp:lastPrinted>
  <dcterms:created xsi:type="dcterms:W3CDTF">2022-08-10T06:17:27Z</dcterms:created>
  <dcterms:modified xsi:type="dcterms:W3CDTF">2023-08-04T04:41:08Z</dcterms:modified>
</cp:coreProperties>
</file>